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5" Type="http://schemas.microsoft.com/office/2020/02/relationships/classificationlabels" Target="docMetadata/LabelInfo.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9421"/>
  <workbookPr/>
  <mc:AlternateContent xmlns:mc="http://schemas.openxmlformats.org/markup-compatibility/2006">
    <mc:Choice Requires="x15">
      <x15ac:absPath xmlns:x15ac="http://schemas.microsoft.com/office/spreadsheetml/2010/11/ac" url="https://hospitaldata.sharepoint.com/sites/SSC/Shared Documents/General/2. Projecten/14. Aanvullende toets/DGC-criteria/"/>
    </mc:Choice>
  </mc:AlternateContent>
  <xr:revisionPtr revIDLastSave="0" documentId="8_{029DE14C-24F3-4AB2-A5C0-9C19FFFBF69E}" xr6:coauthVersionLast="47" xr6:coauthVersionMax="47" xr10:uidLastSave="{00000000-0000-0000-0000-000000000000}"/>
  <bookViews>
    <workbookView xWindow="-108" yWindow="-108" windowWidth="23256" windowHeight="12456" tabRatio="947" firstSheet="1" activeTab="1" xr2:uid="{00000000-000D-0000-FFFF-FFFF00000000}"/>
  </bookViews>
  <sheets>
    <sheet name="Verbergen - Extra cellen" sheetId="4" state="hidden" r:id="rId1"/>
    <sheet name="DGC-criteria aanvullende toets" sheetId="25" r:id="rId2"/>
  </sheets>
  <definedNames>
    <definedName name="Scoring">#REF!</definedName>
    <definedName name="Scoring1">#REF!</definedName>
    <definedName name="Scoring2">#REF!</definedName>
    <definedName name="Scoring3">#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2" i="4" l="1"/>
  <c r="D11" i="4"/>
  <c r="D10" i="4"/>
  <c r="D9" i="4"/>
  <c r="D8" i="4"/>
  <c r="D7" i="4"/>
  <c r="D6" i="4"/>
  <c r="D5" i="4"/>
  <c r="D3" i="4"/>
  <c r="D4" i="4"/>
  <c r="D13" i="4"/>
</calcChain>
</file>

<file path=xl/sharedStrings.xml><?xml version="1.0" encoding="utf-8"?>
<sst xmlns="http://schemas.openxmlformats.org/spreadsheetml/2006/main" count="72" uniqueCount="72">
  <si>
    <t>Ja</t>
  </si>
  <si>
    <t>Nee</t>
  </si>
  <si>
    <t>Gemiddelden criteria</t>
  </si>
  <si>
    <t>Level 1</t>
  </si>
  <si>
    <r>
      <t xml:space="preserve">Hoofdthema's
</t>
    </r>
    <r>
      <rPr>
        <i/>
        <sz val="11"/>
        <color rgb="FFFFFFFF"/>
        <rFont val="Calibri"/>
        <family val="2"/>
        <scheme val="minor"/>
      </rPr>
      <t xml:space="preserve">De overkoepelende hoofdthema's waaraan KRs en Registratiehouders dienen te werken en waar de DGC regie op voert. </t>
    </r>
  </si>
  <si>
    <t>Level 2</t>
  </si>
  <si>
    <r>
      <t xml:space="preserve">Criteria
</t>
    </r>
    <r>
      <rPr>
        <i/>
        <sz val="11"/>
        <color theme="0"/>
        <rFont val="Calibri"/>
        <family val="2"/>
        <scheme val="minor"/>
      </rPr>
      <t xml:space="preserve">De specifieke onderdelen van het bijbehorende hoofdthema waarop getoetst wordt. </t>
    </r>
  </si>
  <si>
    <r>
      <t xml:space="preserve">Rationale 
</t>
    </r>
    <r>
      <rPr>
        <i/>
        <sz val="11"/>
        <color theme="0"/>
        <rFont val="Calibri"/>
        <family val="2"/>
        <scheme val="minor"/>
      </rPr>
      <t>Voor ieder hoofdthema en (als gevolg) ieder criterium is er een grond / reden geweest die tot het hoofdthema en het criterium heeft geleid. In sommige gevallen is dit wet- en regelgeving.</t>
    </r>
  </si>
  <si>
    <r>
      <t xml:space="preserve">Aandachtspunten bij documentbeoordeling
</t>
    </r>
    <r>
      <rPr>
        <i/>
        <sz val="11"/>
        <color theme="0"/>
        <rFont val="Calibri"/>
        <family val="2"/>
        <scheme val="minor"/>
      </rPr>
      <t>Wat zijn de punten waar SSC-DG naar moet kijken?</t>
    </r>
  </si>
  <si>
    <t>Bewijsstukken</t>
  </si>
  <si>
    <r>
      <rPr>
        <b/>
        <sz val="11"/>
        <color rgb="FF000000"/>
        <rFont val="Calibri"/>
        <family val="2"/>
      </rPr>
      <t xml:space="preserve">Bescherming persoonsgegevens: 
</t>
    </r>
    <r>
      <rPr>
        <sz val="11"/>
        <color rgb="FF000000"/>
        <rFont val="Calibri"/>
        <family val="2"/>
      </rPr>
      <t>Ter bescherming van persoonsgegevens, worden pseudoniemen gebruikt voor alle (persoons)gegevens die directe identificeerbaarheid mogelijk maken.</t>
    </r>
    <r>
      <rPr>
        <b/>
        <sz val="11"/>
        <color rgb="FF000000"/>
        <rFont val="Calibri"/>
        <family val="2"/>
      </rPr>
      <t xml:space="preserve"> </t>
    </r>
  </si>
  <si>
    <t>6.1</t>
  </si>
  <si>
    <r>
      <rPr>
        <b/>
        <sz val="11"/>
        <color rgb="FF000000"/>
        <rFont val="Calibri"/>
        <family val="2"/>
      </rPr>
      <t xml:space="preserve">Gebruik pseudoniemen:
</t>
    </r>
    <r>
      <rPr>
        <sz val="11"/>
        <color rgb="FF000000"/>
        <rFont val="Calibri"/>
        <family val="2"/>
      </rPr>
      <t>Ter bescherming van persoonsgegevens worden pseudoniemen gebruikt voor alle direct identificeerbare gegevens</t>
    </r>
    <r>
      <rPr>
        <b/>
        <sz val="11"/>
        <color rgb="FF000000"/>
        <rFont val="Calibri"/>
        <family val="2"/>
      </rPr>
      <t>.</t>
    </r>
  </si>
  <si>
    <t xml:space="preserve">N.v.t. (zie tekst bij Aandachtspunten) </t>
  </si>
  <si>
    <t xml:space="preserve">Dit criterium wordt in de aanvullende toets niet opnieuw getoetst omdat pseudonimisatie in de eerdere toetsingsronde al is meegenomen. Na wijziging van de Wkkgz moet pseudonimisatie zo dicht mogelijk aan de bron plaatsvinden. Dit is een wettelijke eis die opgelegd wordt aan de zorgaanbieders en niet door de IGC en DGC wordt getoetst. In de eerdere toetsingsronde is al getoetst of een kwaliteitsregistratie gepseudonimiseerde gegevens verwerkt.  
Opmerking: Indien de registratiehouder persoonsgegevens ontvangt die niet of onvoldoende gepseudonimiseerd zijn, dient de registratiehouder het datalekprotocol in werking te stellen conform de AVG.
</t>
  </si>
  <si>
    <t>N.v.t.</t>
  </si>
  <si>
    <t>6.2</t>
  </si>
  <si>
    <r>
      <t xml:space="preserve">Verwerking (gepseudonimiseerd) BSN:
</t>
    </r>
    <r>
      <rPr>
        <sz val="11"/>
        <color rgb="FF000000"/>
        <rFont val="Calibri"/>
        <family val="2"/>
      </rPr>
      <t xml:space="preserve">Op enkele registraties na waarvoor in de wet een uitzondering is gemaakt, mag een kwaliteitsregistratie geen BSN verwerken. </t>
    </r>
  </si>
  <si>
    <t>De Wet algemene bepalingen burgerservicenummer (Wabb) zegt: 'Het burgerservicenummer wordt uitsluitend gebruikt in de gevallen waarin dat bij of krachtens wet is bepaald.'
Er is géén expliciete wettelijke regeling die het gebruik van het BSN voor kwaliteitsregistraties toestaat, op enkele uitzonderingen na.</t>
  </si>
  <si>
    <r>
      <rPr>
        <b/>
        <sz val="11"/>
        <color rgb="FF000000"/>
        <rFont val="Calibri"/>
      </rPr>
      <t>Knock-out
•</t>
    </r>
    <r>
      <rPr>
        <sz val="11"/>
        <color rgb="FF000000"/>
        <rFont val="Calibri"/>
      </rPr>
      <t xml:space="preserve"> Uit de DPIA blijkt dat het (gepseudonimiseerd) BSN niet verwerkt wordt, tenzij hier een wettelijke grondslag voor is.</t>
    </r>
  </si>
  <si>
    <t>Uitgevoerde DPIA aangeleverd onder criterium 9.2</t>
  </si>
  <si>
    <r>
      <t xml:space="preserve">Overeenkomsten: 
</t>
    </r>
    <r>
      <rPr>
        <sz val="11"/>
        <color rgb="FF000000"/>
        <rFont val="Calibri"/>
        <family val="2"/>
        <scheme val="minor"/>
      </rPr>
      <t>De onderlinge relaties tussen registratiehouder, verwerker(s) en zorgaanbieder en de daarbij horende rechten en verplichtingen zijn vastgelegd in overeenkomsten.</t>
    </r>
    <r>
      <rPr>
        <b/>
        <sz val="11"/>
        <color rgb="FF000000"/>
        <rFont val="Calibri"/>
        <family val="2"/>
        <scheme val="minor"/>
      </rPr>
      <t xml:space="preserve">
</t>
    </r>
  </si>
  <si>
    <t>8.3</t>
  </si>
  <si>
    <r>
      <rPr>
        <b/>
        <sz val="11"/>
        <color rgb="FF000000"/>
        <rFont val="Calibri"/>
        <family val="2"/>
        <scheme val="minor"/>
      </rPr>
      <t>Raamovereenkomst voor deelname:</t>
    </r>
    <r>
      <rPr>
        <sz val="11"/>
        <color rgb="FF000000"/>
        <rFont val="Calibri"/>
        <family val="2"/>
        <scheme val="minor"/>
      </rPr>
      <t xml:space="preserve"> 
Er is een raamovereenkomst voor deelname gesloten tussen registratiehouder en zorgaanbieder.
</t>
    </r>
    <r>
      <rPr>
        <i/>
        <sz val="11"/>
        <color rgb="FF000000"/>
        <rFont val="Calibri"/>
        <family val="2"/>
        <scheme val="minor"/>
      </rPr>
      <t>Er kan gebruikgemaakt worden van de standaard 'Raamovereenkomst voor deelname', die te downloaden is via www.ssc-dg.nl.</t>
    </r>
  </si>
  <si>
    <t xml:space="preserve">Om een goede samenwerking tussen partijen te bewerkstelligen en hun onderlinge rechten en verplichtingen te regelen, is het van belang een raamovereenkomst voor deelname te sluiten. Het gebruik van standaarden is wenselijk om meer eenheid te creëren en de regeldruk bij (alle betrokken) partijen te verlagen.
</t>
  </si>
  <si>
    <r>
      <rPr>
        <b/>
        <sz val="11"/>
        <color rgb="FF000000"/>
        <rFont val="Calibri"/>
        <family val="2"/>
      </rPr>
      <t xml:space="preserve">Knock-out
</t>
    </r>
    <r>
      <rPr>
        <sz val="11"/>
        <color rgb="FF000000"/>
        <rFont val="Calibri"/>
        <family val="2"/>
      </rPr>
      <t xml:space="preserve">
• Er is een raamovereenkomst voor deelname gesloten tussen registratiehouder en zorgaanbieder, waarbij de standaard 'Raamovereenkomst voor deelname' is gehanteerd.
</t>
    </r>
    <r>
      <rPr>
        <i/>
        <sz val="11"/>
        <color rgb="FF000000"/>
        <rFont val="Calibri"/>
        <family val="2"/>
      </rPr>
      <t xml:space="preserve">Indien de standaard 'Raamovereenkomst voor deelname' niet is gehanteerd, is er een deelnameovereenkomst gesloten tussen registratiehouder en zorgaanbieder waarin minimaal dezelfde onderwerpen als in de standaardovereenkomst zijn geregeld. Tevens is in dit geval een gedegen onderbouwing aangeleverd waarom de standaardovereenkomst niet is gebruikt.
</t>
    </r>
    <r>
      <rPr>
        <sz val="11"/>
        <color rgb="FF000000"/>
        <rFont val="Calibri"/>
        <family val="2"/>
      </rPr>
      <t xml:space="preserve">
</t>
    </r>
  </si>
  <si>
    <t xml:space="preserve">Getekende raamovereenkomst voor deelname. Er dient (vanaf de aanvullende toets) minimaal één ondertekende raamovereenkomst voor deelname te zijn aangeleverd. 
Voor de nog te sluiten deelnameovereenkomsten dient er een implementatieplan voor ondertekening te worden aangeleverd.
</t>
  </si>
  <si>
    <t>8.4</t>
  </si>
  <si>
    <r>
      <t>Verwerkersovereenkomst</t>
    </r>
    <r>
      <rPr>
        <sz val="11"/>
        <color rgb="FF000000"/>
        <rFont val="Calibri"/>
        <family val="2"/>
        <scheme val="minor"/>
      </rPr>
      <t xml:space="preserve">: 
Er is een verwerkers-overeenkomst gesloten tussen verwerkings-verantwoordelijke (registratiehouder) en diens verwerker(s). 
</t>
    </r>
    <r>
      <rPr>
        <b/>
        <sz val="11"/>
        <color rgb="FF000000"/>
        <rFont val="Calibri"/>
        <family val="2"/>
        <scheme val="minor"/>
      </rPr>
      <t xml:space="preserve">
</t>
    </r>
    <r>
      <rPr>
        <sz val="11"/>
        <color rgb="FF000000"/>
        <rFont val="Calibri"/>
        <family val="2"/>
        <scheme val="minor"/>
      </rPr>
      <t xml:space="preserve">Dit criterium geldt alleen wanneer de verwerkings-verantwoordelijke (registratiehouder) persoonsgegevens laat verwerken door een verwerker.
</t>
    </r>
    <r>
      <rPr>
        <i/>
        <sz val="11"/>
        <color rgb="FF000000"/>
        <rFont val="Calibri"/>
        <family val="2"/>
        <scheme val="minor"/>
      </rPr>
      <t>Er kan gebruikgemaakt worden van de standaard 'Verwerkersovereenkomst', die te downloaden is via www.ssc-dg.nl.</t>
    </r>
  </si>
  <si>
    <t>Om een goede samenwerking tussen partijen te bewerkstelligen en hun onderlinge rechten en verplichtingen te regelen, is het van belang een verwerkersovereenkomst te sluiten. Op deze manier wordt ook voldaan aan de verplichting uit artikel 28 lid 3 AVG. Het gebruik van standaarden is wenselijk om meer eenheid te creëren en de regeldruk bij (alle betrokken) partijen te verlagen.</t>
  </si>
  <si>
    <r>
      <rPr>
        <b/>
        <sz val="11"/>
        <color rgb="FF000000"/>
        <rFont val="Calibri"/>
        <family val="2"/>
      </rPr>
      <t>Knock-out</t>
    </r>
    <r>
      <rPr>
        <sz val="11"/>
        <color rgb="FF000000"/>
        <rFont val="Calibri"/>
        <family val="2"/>
      </rPr>
      <t xml:space="preserve"> 
• Er is een verwerkersovereenkomst gesloten tussen verwerkingsverantwoordelijke (registratiehouder) en diens verwerker(s), waarbij de standaard 'Verwerkersovereenkomst' is gehanteerd.
</t>
    </r>
    <r>
      <rPr>
        <i/>
        <sz val="11"/>
        <color rgb="FF000000"/>
        <rFont val="Calibri"/>
        <family val="2"/>
      </rPr>
      <t xml:space="preserve">Indien de standaard 'Verwerkersovereenkomst' niet is gehanteerd, is er een verwerkersovereenkomst gesloten tussen verwerkingsverantwoordelijke (registratiehouder) en verwerker waarin minimaal dezelfde onderwerpen als in de standaardovereenkomst zijn geregeld. Tevens is in dit geval een gedegen onderbouwing aangeleverd waarom de standaardovereenkomst' niet is gebruikt.
</t>
    </r>
  </si>
  <si>
    <t xml:space="preserve">Getekende verwerkersovereenkomst.
</t>
  </si>
  <si>
    <t>8.5</t>
  </si>
  <si>
    <r>
      <t xml:space="preserve">Raamovereenkomst voor dienstverlening: 
</t>
    </r>
    <r>
      <rPr>
        <sz val="11"/>
        <color rgb="FF000000"/>
        <rFont val="Calibri"/>
        <family val="2"/>
        <scheme val="minor"/>
      </rPr>
      <t xml:space="preserve">Er is een raamovereenkomst voor dienstverlening gesloten tussen verwerkings-verantwoordelijke (registratiehouder) en diens verwerker(s).
</t>
    </r>
    <r>
      <rPr>
        <b/>
        <sz val="11"/>
        <color rgb="FF000000"/>
        <rFont val="Calibri"/>
        <family val="2"/>
        <scheme val="minor"/>
      </rPr>
      <t xml:space="preserve">
</t>
    </r>
    <r>
      <rPr>
        <sz val="11"/>
        <color rgb="FF000000"/>
        <rFont val="Calibri"/>
        <family val="2"/>
        <scheme val="minor"/>
      </rPr>
      <t xml:space="preserve">Dit criterium geldt alleen wanneer verwerkings-verantwoordelijke (registratiehouder) (persoons)gegevens laat verwerken/bewerken door een verwerker.
</t>
    </r>
    <r>
      <rPr>
        <i/>
        <sz val="11"/>
        <color rgb="FF000000"/>
        <rFont val="Calibri"/>
        <family val="2"/>
        <scheme val="minor"/>
      </rPr>
      <t>Er kan gebruikgemaakt worden van de standaard 'Raamovereenkomst voor dienstverlening', die te downloaden is via www.ssc-dg.nl.</t>
    </r>
  </si>
  <si>
    <t xml:space="preserve">Om een goede samenwerking tussen partijen te bewerkstelligen en hun onderlinge rechten en verplichtingen te regelen, is het van belang een raamovereenkomst voor dienstverlening te sluiten. Het gebruik van standaarden is wenselijk om meer eenheid te creëren en de regeldruk bij (alle betrokken) partijen te verlagen.
</t>
  </si>
  <si>
    <r>
      <t xml:space="preserve">Knock-out
</t>
    </r>
    <r>
      <rPr>
        <sz val="11"/>
        <color rgb="FF000000"/>
        <rFont val="Calibri"/>
        <family val="2"/>
      </rPr>
      <t xml:space="preserve">
• Er is een raamovereenkomst voor dienstverlening gesloten tussen verwerkwerkingsverantwoordelijke (registratiehouder) en diens verwerker(s), waarbij de standaard 'Raamovereenkomst voor dienstverlening' is gehanteerd.
</t>
    </r>
    <r>
      <rPr>
        <i/>
        <sz val="11"/>
        <color rgb="FF000000"/>
        <rFont val="Calibri"/>
        <family val="2"/>
      </rPr>
      <t>Indien de standaard 'Raamovereenkomst voor dienstverlening' niet is gehanteerd, is er een dienstverleningsovereenkomst gesloten tussen verwerkingsverantwoordelijke (registratiehouder) en verwerker waarin minimaal dezelfde onderwerpen als in de standaardovereenkomst zijn geregeld. Tevens is in dit geval een gedegen onderbouwing aangeleverd waarom de standaardovereenkomst niet is gebruikt.</t>
    </r>
  </si>
  <si>
    <t xml:space="preserve">Getekende raamovereenkomst voor dienstverlening.
</t>
  </si>
  <si>
    <r>
      <t xml:space="preserve">Compliance: </t>
    </r>
    <r>
      <rPr>
        <sz val="11"/>
        <color rgb="FF000000"/>
        <rFont val="Calibri"/>
        <family val="2"/>
        <scheme val="minor"/>
      </rPr>
      <t>Verwerkingsverantwoorde-lijke (registratiehouder) en diens verwerker(s) voldoen aan de toepasselijke wet- en regelgeving op het gebied van privacy en gegevens-bescherming.
De eisen die worden gesteld aan de verwerker gelden alleen wanneer de verwerkings-verantwoordelijke (registratiehouder) (persoons)gegevens laat verwerken door een verwerker.</t>
    </r>
  </si>
  <si>
    <t>9.1</t>
  </si>
  <si>
    <r>
      <t>Beveiliging van de dataverwerking</t>
    </r>
    <r>
      <rPr>
        <sz val="11"/>
        <rFont val="Calibri"/>
        <family val="2"/>
      </rPr>
      <t>: 
Door de verwerkings-verantwoordelijke (registratiehouder) en diens verwerker(s) zijn passende technische en organisatorische maatregelen getroffen om (persoons)gegevens te beschermen.</t>
    </r>
  </si>
  <si>
    <t xml:space="preserve">De verwerkingsverantwoordelijke (registratiehouder) en diens verwerker(s) moeten passende technische en organisatorische maatregelen treffen om (persoons)gegevens te beschermen. Indien de verwerkingsverantwoordelijke (registratiehouder) (persoons)gegevens verwerkt of laat verwerken ten behoeve van de kwaliteitsregistratie, dient er aan artikel 32 AVG te worden voldaan. 
</t>
  </si>
  <si>
    <r>
      <rPr>
        <b/>
        <sz val="11"/>
        <rFont val="Calibri"/>
        <family val="2"/>
      </rPr>
      <t xml:space="preserve">Knock-out
</t>
    </r>
    <r>
      <rPr>
        <sz val="11"/>
        <rFont val="Calibri"/>
        <family val="2"/>
      </rPr>
      <t xml:space="preserve">
•	 De verwerkingsverantwoordelijke (registratiehouder) en diens verwerker(s) zijn gecertificeerd voor de NEN 7510 en/of ISO 27001. 
</t>
    </r>
    <r>
      <rPr>
        <i/>
        <sz val="11"/>
        <rFont val="Calibri"/>
        <family val="2"/>
      </rPr>
      <t xml:space="preserve">Let op! Indien de verwerkingsverantwoordelijke (registratiehouder) gebruikmaakt van een verwerker, zelf </t>
    </r>
    <r>
      <rPr>
        <i/>
        <u/>
        <sz val="11"/>
        <rFont val="Calibri"/>
        <family val="2"/>
      </rPr>
      <t>geen</t>
    </r>
    <r>
      <rPr>
        <i/>
        <sz val="11"/>
        <rFont val="Calibri"/>
        <family val="2"/>
      </rPr>
      <t xml:space="preserve"> persoonsgegevens bewerkt en niet in een </t>
    </r>
    <r>
      <rPr>
        <i/>
        <u/>
        <sz val="11"/>
        <rFont val="Calibri"/>
        <family val="2"/>
      </rPr>
      <t>eigen</t>
    </r>
    <r>
      <rPr>
        <i/>
        <sz val="11"/>
        <rFont val="Calibri"/>
        <family val="2"/>
      </rPr>
      <t xml:space="preserve"> online omgeving toegang heeft tot persoonsgegevens, is het voldoende als de verwerkingsverantwoordelijke (registratiehouder) </t>
    </r>
    <r>
      <rPr>
        <i/>
        <u/>
        <sz val="11"/>
        <rFont val="Calibri"/>
        <family val="2"/>
      </rPr>
      <t>in lijn werkt met</t>
    </r>
    <r>
      <rPr>
        <i/>
        <sz val="11"/>
        <rFont val="Calibri"/>
        <family val="2"/>
      </rPr>
      <t xml:space="preserve"> de NEN 7510 en NEN 7512 en/of ISO 27001 normen.</t>
    </r>
    <r>
      <rPr>
        <sz val="11"/>
        <rFont val="Calibri"/>
        <family val="2"/>
      </rPr>
      <t xml:space="preserve"> </t>
    </r>
  </si>
  <si>
    <t>Zowel van de verwerkingsverantwoordelijke registratiehouder als van diens verwerker(s): certificaten NEN 7510 en/of ISO 27001, inclusief verklaringen van toepasselijkheid.
Voor het 'in lijn werken met' wordt (ten minste) een in control statement van het bestuur en verklaring van toepasselijkheid door de verwerkingsverantwoordelijke registratiehouder aangeleverd.
Wanneer de certificeringen van de verwerkingsverantwoordelijke registratiehouder en/of de verwerker al zijn gedeeld in het eerdere toetsingsproces en daar niets in is veranderd, dan hoeven deze niet nogmaals aangeleverd te worden in de aanvullende toets, mits de certificaten inmiddels niet zijn verlopen. Zowel voor de toetsing door de DGC als door het Zorginstituut moeten op het moment van toetsing geldige certificaten worden overgelegd.</t>
  </si>
  <si>
    <t>9.2</t>
  </si>
  <si>
    <r>
      <rPr>
        <b/>
        <sz val="11"/>
        <color rgb="FF000000"/>
        <rFont val="Calibri"/>
        <family val="2"/>
        <scheme val="minor"/>
      </rPr>
      <t>DPIA</t>
    </r>
    <r>
      <rPr>
        <sz val="11"/>
        <color rgb="FF000000"/>
        <rFont val="Calibri"/>
        <family val="2"/>
        <scheme val="minor"/>
      </rPr>
      <t xml:space="preserve">: 
Er is door de verwerkings-verantwoordelijke (registratiehouder) een DPIA uitgevoerd, die onafhankelijk is getoetst.
</t>
    </r>
    <r>
      <rPr>
        <i/>
        <sz val="11"/>
        <color rgb="FF000000"/>
        <rFont val="Calibri"/>
        <family val="2"/>
        <scheme val="minor"/>
      </rPr>
      <t xml:space="preserve">Er kan gebruikgemaakt worden van de standaard 'format DPIA-rapportage DGC', die te downloaden is via www.ssc-dg.nl.
</t>
    </r>
  </si>
  <si>
    <t xml:space="preserve">De verwerkingsverantwoordelijke (registratiehouder) dient een DPIA uit te voeren, conform artikel 35 (en indien van toepassing artikel 36) AVG. Deze DPIA is onafhankelijk getoetst, conform artikel 7ad Uitvoeringsregeling Wkkgz.
</t>
  </si>
  <si>
    <r>
      <rPr>
        <b/>
        <sz val="11"/>
        <color rgb="FF000000"/>
        <rFont val="Calibri"/>
      </rPr>
      <t xml:space="preserve">Knock-out
</t>
    </r>
    <r>
      <rPr>
        <strike/>
        <sz val="11"/>
        <color rgb="FF000000"/>
        <rFont val="Calibri"/>
      </rPr>
      <t xml:space="preserve">
</t>
    </r>
    <r>
      <rPr>
        <sz val="11"/>
        <color rgb="FF000000"/>
        <rFont val="Calibri"/>
      </rPr>
      <t xml:space="preserve">• De registratiehouder heeft een DPIA  uitgevoerd waarbij gebruikgemaakt is van de standaard 'format DPIA-rapportage DGC'. 
• De ingevulde verantwoordingstabel is als bijlage beschikbaar bij de DPIA.
• De registratiehouder hanteert een PDCA-cyclus op de bevindingen uit de DPIA en toont dit via documentatie aan. 
</t>
    </r>
    <r>
      <rPr>
        <i/>
        <sz val="11"/>
        <color rgb="FF000000"/>
        <rFont val="Calibri"/>
      </rPr>
      <t xml:space="preserve">
Indien de standaard 'format DPIA-rapportage DGC' niet is gehanteerd, is er een DPIA uitgevoerd waarin minimaal dezelfde onderwerpen als in de standaard zijn beschreven. Tevens is in dit geval een gedegen onderbouwing aangeleverd waarom de standaard 'format DPIA-rapportage DGC' niet is gebruikt.
• </t>
    </r>
    <r>
      <rPr>
        <sz val="11"/>
        <color rgb="FF000000"/>
        <rFont val="Calibri"/>
      </rPr>
      <t xml:space="preserve">De registratiehouder heeft de DPIA onafhankelijk laten beoordelen. 
• De verschillende onderdelen, beoordeeld door de onafhankelijke expert voldoen aan de AVG. 
</t>
    </r>
    <r>
      <rPr>
        <b/>
        <sz val="11"/>
        <color rgb="FF000000"/>
        <rFont val="Calibri"/>
      </rPr>
      <t xml:space="preserve">
</t>
    </r>
  </si>
  <si>
    <t xml:space="preserve">Uitgevoerde DPIA van de verwerkingsverantwoordelijke registratiehouder, ingevulde verantwoordingstabel, bewijs van de onafhankelijke toets van de DPIA (Toetsingskader voor format DPIA rapportage) , beleidsstuk(ken) waarin de PDCA-cylcus van de DPIA staat beschreven.
Indien er geen gebruik gemaakt wordt van de onafhankelijke DPIA-beoordeling georganiseerd door het SSC-DG, dan wordt er door de registratiehouder als bewijsstuk een verklaring aangeleverd die is ondertekend door een onafhankelijke toetser. Hierin staan minimaal de onderdelen vermeld die ook gebruikt worden in het 'toetsingskader voor format DPIA rapportage' (inclusief verantwoordingstabel) van de onafhankelijke DPIA-beoordelaars van het SSC-DG. De registratiehouder toont ook aan dat de beoordelaar over aantoonbare kennis beschikt en onafhankelijk is. </t>
  </si>
  <si>
    <t>9.3</t>
  </si>
  <si>
    <r>
      <t>FG</t>
    </r>
    <r>
      <rPr>
        <sz val="11"/>
        <color rgb="FF000000"/>
        <rFont val="Calibri"/>
        <family val="2"/>
        <scheme val="minor"/>
      </rPr>
      <t xml:space="preserve">: 
De verwerkings-verantwoordelijke (registratiehouder) en diens verwerker(s) hebben een FG aangewezen.
</t>
    </r>
    <r>
      <rPr>
        <b/>
        <sz val="11"/>
        <color rgb="FF000000"/>
        <rFont val="Calibri"/>
        <family val="2"/>
        <scheme val="minor"/>
      </rPr>
      <t xml:space="preserve">
</t>
    </r>
    <r>
      <rPr>
        <i/>
        <sz val="11"/>
        <color rgb="FF000000"/>
        <rFont val="Calibri"/>
        <family val="2"/>
        <scheme val="minor"/>
      </rPr>
      <t>Er kan gebruikgemaakt worden van de standaard 'Inhuurovereenkomst FG', die te downloaden is via www.ssc-dg.nl.</t>
    </r>
  </si>
  <si>
    <t xml:space="preserve">De verwerkingsverantwoordelijke (registratiehouder) en diens verwerker(s) wijzen een FG aan, conform de artikelen 37, 38 en 39 AVG. 
</t>
  </si>
  <si>
    <r>
      <rPr>
        <b/>
        <sz val="11"/>
        <color rgb="FF000000"/>
        <rFont val="Calibri"/>
      </rPr>
      <t xml:space="preserve">Knock-out
</t>
    </r>
    <r>
      <rPr>
        <sz val="11"/>
        <color rgb="FF000000"/>
        <rFont val="Calibri"/>
      </rPr>
      <t xml:space="preserve">
•	 De verwerkingsverantwoordelijke (registratiehouder) en diens verwerker(s) hebben een FG aangewezen door middel van een arbeids- of inhuurovereenkomst . 
•	 De contactgegevens van de FG zijn gepubliceerd op de website van de verwerkingsverantwoordelijke (registratiehouder) en diens verwerker(s).
</t>
    </r>
  </si>
  <si>
    <t>Zowel van de verwerkingsverantwoordelijke als van diens verwerker(s): arbeids- of inhuurovereenkomst van de FG, of bewijs van aanmelding van de FG bij de AP en doorgeven van de naam. En de link naar contactgegevens FG op de website.
Als de gegevens van de FG van de verwerker eerder al zijn gedeeld in het eerste toetsingsproces en daar niets in is veranderd, dan hoeven deze niet nogmaals aangeleverd te worden in de aanvullende toets.</t>
  </si>
  <si>
    <t>9.4</t>
  </si>
  <si>
    <r>
      <t>Verwerkingsregister</t>
    </r>
    <r>
      <rPr>
        <sz val="11"/>
        <color rgb="FF000000"/>
        <rFont val="Calibri"/>
        <family val="2"/>
        <scheme val="minor"/>
      </rPr>
      <t xml:space="preserve">: 
Er is een register van verwerkingsactiviteiten bij de verwerkings-verantwoordelijke (registratiehouder) en diens verwerker(s).
</t>
    </r>
    <r>
      <rPr>
        <i/>
        <sz val="11"/>
        <color rgb="FF000000"/>
        <rFont val="Calibri"/>
        <family val="2"/>
        <scheme val="minor"/>
      </rPr>
      <t>Er kan gebruikgemaakt worden van de standaard 'Verwerkingsregister', die te downloaden is via www.ssc-dg.nl.</t>
    </r>
  </si>
  <si>
    <t xml:space="preserve">De verwerkingsverantwoordelijke (registratiehouder) en diens verwerker(s) moeten voldoen aan artikel 30 AVG door een register van verwerkingsactiviteiten bij te houden.
</t>
  </si>
  <si>
    <r>
      <rPr>
        <b/>
        <sz val="11"/>
        <color rgb="FF000000"/>
        <rFont val="Calibri"/>
        <family val="2"/>
      </rPr>
      <t xml:space="preserve">Knock-out
</t>
    </r>
    <r>
      <rPr>
        <sz val="11"/>
        <color rgb="FF000000"/>
        <rFont val="Calibri"/>
        <family val="2"/>
      </rPr>
      <t xml:space="preserve">
•	 Er is een bijgehouden verwerkingsregister van de verwerkingsverantwoordelijke (registratiehouder) dat ten minste de gegevens uit artikel 30 lid 1 AVG bevat. 
•	 Er is een bijgehouden verwerkingsregister van de verwerker dat ten minste de gegevens uit artikel 30 lid 2 AVG bevat.
</t>
    </r>
  </si>
  <si>
    <t>Het verwerkingsregister van zowel de verwerkingsverantwoordelijke (registratiehouder) als van diens verwerker(s).
Indien de gegevens van het verwerkingsregister van de verwerker eerder al gedeeld zijn in het eerste toetsingsproces en daar niets in is veranderd, dan hoeft deze niet nogmaals aangeleverd te worden in de aanvullende toets.</t>
  </si>
  <si>
    <r>
      <rPr>
        <b/>
        <sz val="11"/>
        <color rgb="FF000000"/>
        <rFont val="Calibri"/>
        <family val="2"/>
      </rPr>
      <t xml:space="preserve">Compliance Wkkgz: </t>
    </r>
    <r>
      <rPr>
        <sz val="11"/>
        <color rgb="FF000000"/>
        <rFont val="Calibri"/>
        <family val="2"/>
      </rPr>
      <t>Verwerkingsverantwoordelijke registratiehouder en diens verwerker(s) voldoen aan de Wkkgz.</t>
    </r>
  </si>
  <si>
    <t>10.1</t>
  </si>
  <si>
    <t>De registratiehouder voldoet aantoonbaar aan de eisen van de Wkkgz op het zijn van een rechtspersoon zonder winstoogmerk.</t>
  </si>
  <si>
    <t xml:space="preserve">Registratiehouder dient, teneinde te voldoen aan artikel 11o lid 4 Wkkgz, een stichting of vereniging te zijn. 
Een kwaliteitsregistratie heeft als primaire doelstellingen evalueren en verbeteren van de kwaliteit van zorg en het ondersteunen van samen beslissen door patiënt en zorgverlener op basis van betrouwbare data. Om deze taak goed te kunnen vervullen, moet de registratiehouder onafhankelijk opereren en maatschappelijk vertrouwen behouden. Het maken van winst past niet bij dit doel, omdat het risico’s geeft op belangenverstrengeling, verminderde toegankelijkheid van data en verlies van vertrouwen bij zorgverleners en patiënten. </t>
  </si>
  <si>
    <r>
      <rPr>
        <b/>
        <sz val="11"/>
        <color rgb="FF000000"/>
        <rFont val="Calibri"/>
      </rPr>
      <t xml:space="preserve">Knock-out
</t>
    </r>
    <r>
      <rPr>
        <sz val="11"/>
        <color rgb="FF000000"/>
        <rFont val="Calibri"/>
      </rPr>
      <t xml:space="preserve">• Er is een inschrijving bij de KvK waaruit blijkt dat de registratiehouder een stichting of vereniging is en de bestuurders natuurlijke personen zijn.
• Registratiehouder verklaart dat:
o In de statuten opgenomen is dat het maken van winst niet beoogd wordt.
o In de statuten opgenomen is dat een eventueel batig saldo bij ontbinding of vereffening besteed wordt overeenkomstig het doel van de stichting of vereniging.
o De redelijke beloning voor werkzaamheden van bestuurders ligt niet boven het bezoldigingsmaximum uit de Wet normering topinkomens (WNT). Naast de redelijke beloning en vergoeding van de door bestuurders in hun functie gemaakte kosten worden aan bestuurders géén uitkeringen gedaan. 
o Indien hij een stichting is, er géén uitkeringen aan oprichters worden gedaan.
o Indien hij een vereniging is, er géén uitkeringen aan zijn leden worden gedaan.
</t>
    </r>
  </si>
  <si>
    <t>Inschrijving KvK
Verklaring registratiehouder (brief) of statuten.</t>
  </si>
  <si>
    <t>10.2</t>
  </si>
  <si>
    <t>De kwaliteitsregistratie voldoet aantoonbaar aan de NPS-eis (noodzakelijkheid, proportionaliteit en subsidiariteit) van de Wkkgz.</t>
  </si>
  <si>
    <t xml:space="preserve">De kwaliteitsregistratie laat zien dat haar gegegevensuitvraag in lijn is met de noodzakelijkheids-, proportionaliteits-, en subsidiariteitsprincipes zoals beschreven in (de toelichting bij) artikel 7ab van de gewijzigde Wkkgz. Met noodzakelijkheid wordt bedoeld dat een kwaliteitsregistratie een bijdrage moet leveren aan de verbetering van de kwaliteit van zorg. Met proportionaliteit en subsidiariteit wordt bedoeld dat die bijdrage aan de kwaliteit van zorg in verhouding moet staan tot de inbreuk op de persoonlijke levenssfeer van cliënten, de administratieve lasten voor zorgaanbieders en de inzet van publieke middelen.  
</t>
  </si>
  <si>
    <r>
      <rPr>
        <b/>
        <sz val="11"/>
        <rFont val="Calibri"/>
        <family val="2"/>
      </rPr>
      <t xml:space="preserve">Knock-out
</t>
    </r>
    <r>
      <rPr>
        <sz val="11"/>
        <rFont val="Calibri"/>
        <family val="2"/>
      </rPr>
      <t xml:space="preserve">
• De kwaliteitsregistratie voldoet aan de noodzakelijkheids-, proportionaliteits- en subsidiariteitseisen zoals bedoeld in artikel 7ab van de ministeriële regeling van de (gewijzigde) Wkkgz. 
o Hierbij wordt onder andere beoordeeld of de onderbouwing van de kwaliteitsregistratie voldoet voor de data-uitvraag per variabele, per indicator, per categorie zorgaanbieders en voor de totale data-uitvraag aan de NPS-eisen uit de Wkkgz. </t>
    </r>
  </si>
  <si>
    <r>
      <rPr>
        <sz val="11"/>
        <color rgb="FF000000"/>
        <rFont val="Calibri"/>
        <family val="2"/>
        <scheme val="minor"/>
      </rPr>
      <t>DPIA
Bijlage DPIA Verantwoordingstabel
Adviesrapport van onafhankelijk</t>
    </r>
    <r>
      <rPr>
        <sz val="11"/>
        <rFont val="Calibri"/>
        <family val="2"/>
        <scheme val="minor"/>
      </rPr>
      <t>e privacy-</t>
    </r>
    <r>
      <rPr>
        <sz val="11"/>
        <color rgb="FF000000"/>
        <rFont val="Calibri"/>
        <family val="2"/>
        <scheme val="minor"/>
      </rPr>
      <t>experts
Verantwoording gegevensuitvraag conform Wkkgz</t>
    </r>
  </si>
  <si>
    <t>Wkkgz Art. 11o 1-d</t>
  </si>
  <si>
    <r>
      <rPr>
        <b/>
        <sz val="11"/>
        <color rgb="FF000000"/>
        <rFont val="Calibri"/>
        <scheme val="minor"/>
      </rPr>
      <t>Draagvlak</t>
    </r>
    <r>
      <rPr>
        <sz val="11"/>
        <color rgb="FF000000"/>
        <rFont val="Calibri"/>
        <scheme val="minor"/>
      </rPr>
      <t>: Er is bij belanghebbende organisaties van cliënten, zorgaanbieders, zorgverleners en zorgverzekeraars voldoende draagvlak voor de kwaliteitsregistratie</t>
    </r>
    <r>
      <rPr>
        <sz val="11"/>
        <color rgb="FF000000"/>
        <rFont val="Calibri"/>
        <family val="2"/>
        <scheme val="minor"/>
      </rPr>
      <t>.</t>
    </r>
  </si>
  <si>
    <r>
      <rPr>
        <sz val="11"/>
        <color rgb="FF000000"/>
        <rFont val="Calibri"/>
        <scheme val="minor"/>
      </rPr>
      <t xml:space="preserve">De DGC bepaalt op basis van de aanvullende toets of er draagvlak is voor de kwaliteitsregistratie en of een aanpassing van de beoordeling van deze wettelijke eis in de adviesbrief nodig is. 
</t>
    </r>
    <r>
      <rPr>
        <i/>
        <sz val="11"/>
        <color rgb="FF000000"/>
        <rFont val="Calibri"/>
        <scheme val="minor"/>
      </rPr>
      <t>(Aanpassing van oordelen op knock-out criteria en wettelijke eisen kunnen leiden tot een aanpassing in het advies aan het Zorginstituut)</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0.0"/>
  </numFmts>
  <fonts count="28">
    <font>
      <sz val="11"/>
      <color theme="1"/>
      <name val="Calibri"/>
      <family val="2"/>
      <scheme val="minor"/>
    </font>
    <font>
      <sz val="11"/>
      <color theme="1"/>
      <name val="Calibri"/>
      <family val="2"/>
      <scheme val="minor"/>
    </font>
    <font>
      <b/>
      <sz val="11"/>
      <color theme="0"/>
      <name val="Calibri"/>
      <family val="2"/>
      <scheme val="minor"/>
    </font>
    <font>
      <sz val="11"/>
      <color rgb="FF000000"/>
      <name val="Calibri"/>
      <family val="2"/>
      <charset val="1"/>
    </font>
    <font>
      <sz val="10"/>
      <name val="Arial"/>
      <family val="2"/>
    </font>
    <font>
      <sz val="11"/>
      <name val="Calibri"/>
      <family val="2"/>
      <scheme val="minor"/>
    </font>
    <font>
      <sz val="11"/>
      <color rgb="FF000000"/>
      <name val="Calibri"/>
      <family val="2"/>
      <scheme val="minor"/>
    </font>
    <font>
      <b/>
      <sz val="11"/>
      <color theme="1"/>
      <name val="Calibri"/>
      <family val="2"/>
      <scheme val="minor"/>
    </font>
    <font>
      <i/>
      <sz val="11"/>
      <color theme="0"/>
      <name val="Calibri"/>
      <family val="2"/>
      <scheme val="minor"/>
    </font>
    <font>
      <b/>
      <sz val="11"/>
      <color rgb="FFFFFFFF"/>
      <name val="Calibri"/>
      <family val="2"/>
      <scheme val="minor"/>
    </font>
    <font>
      <b/>
      <sz val="11"/>
      <color rgb="FF000000"/>
      <name val="Calibri"/>
      <family val="2"/>
      <scheme val="minor"/>
    </font>
    <font>
      <i/>
      <sz val="11"/>
      <color rgb="FF000000"/>
      <name val="Calibri"/>
      <family val="2"/>
      <scheme val="minor"/>
    </font>
    <font>
      <i/>
      <sz val="11"/>
      <color rgb="FFFFFFFF"/>
      <name val="Calibri"/>
      <family val="2"/>
      <scheme val="minor"/>
    </font>
    <font>
      <b/>
      <sz val="11"/>
      <color rgb="FF000000"/>
      <name val="Calibri"/>
      <family val="2"/>
    </font>
    <font>
      <sz val="11"/>
      <color rgb="FF000000"/>
      <name val="Calibri"/>
      <family val="2"/>
    </font>
    <font>
      <i/>
      <sz val="11"/>
      <color rgb="FF000000"/>
      <name val="Calibri"/>
      <family val="2"/>
    </font>
    <font>
      <b/>
      <sz val="11"/>
      <color rgb="FF000000"/>
      <name val="Calibri"/>
      <scheme val="minor"/>
    </font>
    <font>
      <sz val="11"/>
      <color rgb="FF000000"/>
      <name val="Calibri"/>
      <scheme val="minor"/>
    </font>
    <font>
      <i/>
      <sz val="11"/>
      <color rgb="FF000000"/>
      <name val="Calibri"/>
      <scheme val="minor"/>
    </font>
    <font>
      <b/>
      <sz val="11"/>
      <color rgb="FF000000"/>
      <name val="Calibri"/>
    </font>
    <font>
      <sz val="11"/>
      <color rgb="FF000000"/>
      <name val="Calibri"/>
    </font>
    <font>
      <strike/>
      <sz val="11"/>
      <color rgb="FF000000"/>
      <name val="Calibri"/>
    </font>
    <font>
      <i/>
      <sz val="11"/>
      <color rgb="FF000000"/>
      <name val="Calibri"/>
    </font>
    <font>
      <sz val="11"/>
      <name val="Calibri"/>
      <family val="2"/>
    </font>
    <font>
      <b/>
      <sz val="11"/>
      <name val="Calibri"/>
      <family val="2"/>
      <scheme val="minor"/>
    </font>
    <font>
      <b/>
      <sz val="11"/>
      <name val="Calibri"/>
      <family val="2"/>
    </font>
    <font>
      <i/>
      <sz val="11"/>
      <name val="Calibri"/>
      <family val="2"/>
    </font>
    <font>
      <i/>
      <u/>
      <sz val="11"/>
      <name val="Calibri"/>
      <family val="2"/>
    </font>
  </fonts>
  <fills count="4">
    <fill>
      <patternFill patternType="none"/>
    </fill>
    <fill>
      <patternFill patternType="gray125"/>
    </fill>
    <fill>
      <patternFill patternType="solid">
        <fgColor theme="0"/>
        <bgColor indexed="64"/>
      </patternFill>
    </fill>
    <fill>
      <patternFill patternType="solid">
        <fgColor rgb="FF009BA4"/>
        <bgColor indexed="64"/>
      </patternFill>
    </fill>
  </fills>
  <borders count="18">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style="thin">
        <color indexed="64"/>
      </left>
      <right style="thin">
        <color indexed="64"/>
      </right>
      <top/>
      <bottom style="thin">
        <color indexed="64"/>
      </bottom>
      <diagonal/>
    </border>
    <border>
      <left style="thin">
        <color indexed="64"/>
      </left>
      <right style="thin">
        <color indexed="64"/>
      </right>
      <top style="thin">
        <color indexed="64"/>
      </top>
      <bottom/>
      <diagonal/>
    </border>
    <border>
      <left style="thin">
        <color rgb="FF000000"/>
      </left>
      <right style="thin">
        <color rgb="FF000000"/>
      </right>
      <top style="thin">
        <color rgb="FF000000"/>
      </top>
      <bottom style="thin">
        <color rgb="FF000000"/>
      </bottom>
      <diagonal/>
    </border>
    <border>
      <left style="thin">
        <color indexed="64"/>
      </left>
      <right/>
      <top/>
      <bottom/>
      <diagonal/>
    </border>
    <border>
      <left style="thin">
        <color rgb="FF000000"/>
      </left>
      <right style="thin">
        <color rgb="FF000000"/>
      </right>
      <top style="thin">
        <color rgb="FF000000"/>
      </top>
      <bottom/>
      <diagonal/>
    </border>
    <border>
      <left style="thin">
        <color indexed="64"/>
      </left>
      <right/>
      <top/>
      <bottom style="thin">
        <color indexed="64"/>
      </bottom>
      <diagonal/>
    </border>
    <border>
      <left style="thin">
        <color rgb="FF000000"/>
      </left>
      <right style="thin">
        <color rgb="FF000000"/>
      </right>
      <top/>
      <bottom style="thin">
        <color rgb="FF000000"/>
      </bottom>
      <diagonal/>
    </border>
    <border>
      <left style="thin">
        <color rgb="FF000000"/>
      </left>
      <right style="thin">
        <color auto="1"/>
      </right>
      <top/>
      <bottom/>
      <diagonal/>
    </border>
    <border>
      <left style="thin">
        <color indexed="64"/>
      </left>
      <right/>
      <top style="thin">
        <color indexed="64"/>
      </top>
      <bottom/>
      <diagonal/>
    </border>
    <border>
      <left/>
      <right style="thin">
        <color rgb="FF000000"/>
      </right>
      <top style="thin">
        <color rgb="FF000000"/>
      </top>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style="thin">
        <color rgb="FF000000"/>
      </left>
      <right style="thin">
        <color rgb="FF000000"/>
      </right>
      <top/>
      <bottom/>
      <diagonal/>
    </border>
    <border>
      <left style="thin">
        <color indexed="64"/>
      </left>
      <right style="thin">
        <color indexed="64"/>
      </right>
      <top style="thin">
        <color indexed="64"/>
      </top>
      <bottom style="thin">
        <color rgb="FF000000"/>
      </bottom>
      <diagonal/>
    </border>
  </borders>
  <cellStyleXfs count="4">
    <xf numFmtId="0" fontId="0" fillId="0" borderId="0"/>
    <xf numFmtId="0" fontId="3" fillId="0" borderId="0"/>
    <xf numFmtId="0" fontId="4" fillId="0" borderId="0"/>
    <xf numFmtId="37" fontId="4" fillId="0" borderId="0"/>
  </cellStyleXfs>
  <cellXfs count="65">
    <xf numFmtId="0" fontId="0" fillId="0" borderId="0" xfId="0"/>
    <xf numFmtId="0" fontId="0" fillId="0" borderId="0" xfId="0" applyAlignment="1">
      <alignment horizontal="center" vertical="center" wrapText="1"/>
    </xf>
    <xf numFmtId="0" fontId="0" fillId="0" borderId="0" xfId="0" applyAlignment="1">
      <alignment horizontal="left" vertical="top"/>
    </xf>
    <xf numFmtId="164" fontId="0" fillId="0" borderId="0" xfId="0" applyNumberFormat="1"/>
    <xf numFmtId="0" fontId="0" fillId="0" borderId="0" xfId="0" applyAlignment="1">
      <alignment horizontal="left" vertical="top" wrapText="1"/>
    </xf>
    <xf numFmtId="0" fontId="2" fillId="3" borderId="1" xfId="0" applyFont="1" applyFill="1" applyBorder="1" applyAlignment="1">
      <alignment horizontal="left" vertical="top" wrapText="1"/>
    </xf>
    <xf numFmtId="0" fontId="2" fillId="3" borderId="4" xfId="0" applyFont="1" applyFill="1" applyBorder="1" applyAlignment="1">
      <alignment horizontal="left" vertical="top" wrapText="1"/>
    </xf>
    <xf numFmtId="0" fontId="5" fillId="0" borderId="5" xfId="0" applyFont="1" applyBorder="1" applyAlignment="1">
      <alignment horizontal="left" vertical="top" wrapText="1"/>
    </xf>
    <xf numFmtId="0" fontId="9" fillId="3" borderId="1" xfId="0" applyFont="1" applyFill="1" applyBorder="1" applyAlignment="1">
      <alignment horizontal="left" vertical="top" wrapText="1"/>
    </xf>
    <xf numFmtId="0" fontId="5" fillId="0" borderId="4" xfId="0" applyFont="1" applyBorder="1" applyAlignment="1">
      <alignment horizontal="left" vertical="top" wrapText="1"/>
    </xf>
    <xf numFmtId="0" fontId="5" fillId="0" borderId="3" xfId="0" applyFont="1" applyBorder="1" applyAlignment="1">
      <alignment horizontal="left" vertical="top" wrapText="1"/>
    </xf>
    <xf numFmtId="0" fontId="5" fillId="0" borderId="11" xfId="0" applyFont="1" applyBorder="1" applyAlignment="1">
      <alignment horizontal="left" vertical="top" wrapText="1"/>
    </xf>
    <xf numFmtId="0" fontId="13" fillId="0" borderId="7" xfId="0" applyFont="1" applyBorder="1" applyAlignment="1">
      <alignment vertical="top" wrapText="1"/>
    </xf>
    <xf numFmtId="0" fontId="0" fillId="0" borderId="7" xfId="0" applyBorder="1" applyAlignment="1">
      <alignment vertical="top" wrapText="1"/>
    </xf>
    <xf numFmtId="0" fontId="6" fillId="0" borderId="7" xfId="2" applyFont="1" applyBorder="1" applyAlignment="1">
      <alignment horizontal="left" vertical="top" wrapText="1"/>
    </xf>
    <xf numFmtId="0" fontId="6" fillId="0" borderId="5" xfId="0" applyFont="1" applyBorder="1" applyAlignment="1">
      <alignment vertical="top" wrapText="1"/>
    </xf>
    <xf numFmtId="0" fontId="6" fillId="0" borderId="12" xfId="2" applyFont="1" applyBorder="1" applyAlignment="1">
      <alignment horizontal="left" vertical="top" wrapText="1"/>
    </xf>
    <xf numFmtId="0" fontId="13" fillId="0" borderId="5" xfId="0" applyFont="1" applyBorder="1" applyAlignment="1">
      <alignment vertical="top" wrapText="1"/>
    </xf>
    <xf numFmtId="0" fontId="10" fillId="0" borderId="1" xfId="0" applyFont="1" applyBorder="1" applyAlignment="1">
      <alignment horizontal="left" vertical="top" wrapText="1"/>
    </xf>
    <xf numFmtId="0" fontId="5" fillId="0" borderId="1" xfId="0" applyFont="1" applyBorder="1" applyAlignment="1">
      <alignment horizontal="left" vertical="top" wrapText="1"/>
    </xf>
    <xf numFmtId="0" fontId="6" fillId="0" borderId="8" xfId="0" applyFont="1" applyBorder="1" applyAlignment="1">
      <alignment horizontal="left" vertical="top" wrapText="1"/>
    </xf>
    <xf numFmtId="0" fontId="6" fillId="0" borderId="9" xfId="0" applyFont="1" applyBorder="1" applyAlignment="1">
      <alignment horizontal="left" vertical="top" wrapText="1"/>
    </xf>
    <xf numFmtId="0" fontId="6" fillId="0" borderId="10" xfId="0" applyFont="1" applyBorder="1" applyAlignment="1">
      <alignment horizontal="left" vertical="top" wrapText="1"/>
    </xf>
    <xf numFmtId="0" fontId="6" fillId="0" borderId="11" xfId="0" applyFont="1" applyBorder="1" applyAlignment="1">
      <alignment horizontal="left" vertical="top" wrapText="1"/>
    </xf>
    <xf numFmtId="0" fontId="0" fillId="0" borderId="7" xfId="0" applyBorder="1" applyAlignment="1">
      <alignment horizontal="left" vertical="top" wrapText="1"/>
    </xf>
    <xf numFmtId="0" fontId="13" fillId="0" borderId="7" xfId="0" applyFont="1" applyBorder="1" applyAlignment="1">
      <alignment horizontal="left" vertical="top" wrapText="1"/>
    </xf>
    <xf numFmtId="0" fontId="5" fillId="0" borderId="7" xfId="0" applyFont="1" applyBorder="1" applyAlignment="1">
      <alignment horizontal="left" vertical="top" wrapText="1"/>
    </xf>
    <xf numFmtId="0" fontId="10" fillId="0" borderId="2" xfId="0" applyFont="1" applyBorder="1" applyAlignment="1">
      <alignment horizontal="left" vertical="top" wrapText="1"/>
    </xf>
    <xf numFmtId="0" fontId="6" fillId="0" borderId="5" xfId="0" applyFont="1" applyBorder="1" applyAlignment="1">
      <alignment horizontal="left" vertical="top" wrapText="1"/>
    </xf>
    <xf numFmtId="0" fontId="0" fillId="0" borderId="5" xfId="0" applyBorder="1" applyAlignment="1">
      <alignment horizontal="left" vertical="top" wrapText="1"/>
    </xf>
    <xf numFmtId="0" fontId="10" fillId="0" borderId="11" xfId="0" applyFont="1" applyBorder="1" applyAlignment="1">
      <alignment horizontal="left" vertical="top" wrapText="1"/>
    </xf>
    <xf numFmtId="0" fontId="14" fillId="0" borderId="9" xfId="0" applyFont="1" applyBorder="1" applyAlignment="1">
      <alignment horizontal="left" vertical="top" wrapText="1"/>
    </xf>
    <xf numFmtId="0" fontId="14" fillId="0" borderId="6" xfId="0" applyFont="1" applyBorder="1" applyAlignment="1">
      <alignment horizontal="left" vertical="top" wrapText="1"/>
    </xf>
    <xf numFmtId="0" fontId="6" fillId="0" borderId="5" xfId="0" applyFont="1" applyBorder="1" applyAlignment="1">
      <alignment vertical="top"/>
    </xf>
    <xf numFmtId="0" fontId="0" fillId="0" borderId="5" xfId="0" applyBorder="1" applyAlignment="1">
      <alignment vertical="top"/>
    </xf>
    <xf numFmtId="0" fontId="7" fillId="0" borderId="7" xfId="0" applyFont="1" applyBorder="1" applyAlignment="1">
      <alignment vertical="top" wrapText="1"/>
    </xf>
    <xf numFmtId="0" fontId="14" fillId="0" borderId="5" xfId="0" applyFont="1" applyBorder="1" applyAlignment="1">
      <alignment vertical="top" wrapText="1"/>
    </xf>
    <xf numFmtId="0" fontId="1" fillId="0" borderId="5" xfId="0" applyFont="1" applyBorder="1" applyAlignment="1">
      <alignment vertical="top" wrapText="1"/>
    </xf>
    <xf numFmtId="0" fontId="0" fillId="2" borderId="15" xfId="0" applyFill="1" applyBorder="1"/>
    <xf numFmtId="0" fontId="0" fillId="0" borderId="0" xfId="0" applyAlignment="1">
      <alignment vertical="top" wrapText="1"/>
    </xf>
    <xf numFmtId="0" fontId="0" fillId="2" borderId="13" xfId="0" applyFill="1" applyBorder="1" applyAlignment="1">
      <alignment horizontal="left" vertical="top" wrapText="1"/>
    </xf>
    <xf numFmtId="0" fontId="19" fillId="0" borderId="5" xfId="2" applyFont="1" applyBorder="1" applyAlignment="1">
      <alignment horizontal="left" vertical="top" wrapText="1"/>
    </xf>
    <xf numFmtId="0" fontId="10" fillId="0" borderId="4" xfId="0" applyFont="1" applyBorder="1" applyAlignment="1">
      <alignment horizontal="left" vertical="top" wrapText="1"/>
    </xf>
    <xf numFmtId="0" fontId="10" fillId="0" borderId="8" xfId="0" applyFont="1" applyBorder="1" applyAlignment="1">
      <alignment horizontal="left" vertical="top" wrapText="1"/>
    </xf>
    <xf numFmtId="0" fontId="6" fillId="0" borderId="16" xfId="0" applyFont="1" applyBorder="1" applyAlignment="1">
      <alignment horizontal="left" vertical="top" wrapText="1"/>
    </xf>
    <xf numFmtId="0" fontId="5" fillId="0" borderId="16" xfId="0" applyFont="1" applyBorder="1" applyAlignment="1">
      <alignment horizontal="left" vertical="top" wrapText="1"/>
    </xf>
    <xf numFmtId="0" fontId="19" fillId="0" borderId="7" xfId="2" applyFont="1" applyBorder="1" applyAlignment="1">
      <alignment horizontal="left" vertical="top" wrapText="1"/>
    </xf>
    <xf numFmtId="0" fontId="19" fillId="0" borderId="16" xfId="0" applyFont="1" applyBorder="1" applyAlignment="1">
      <alignment horizontal="left" vertical="top" wrapText="1"/>
    </xf>
    <xf numFmtId="0" fontId="24" fillId="0" borderId="5" xfId="0" applyFont="1" applyBorder="1" applyAlignment="1">
      <alignment vertical="top" wrapText="1"/>
    </xf>
    <xf numFmtId="0" fontId="2" fillId="3" borderId="17" xfId="0" applyFont="1" applyFill="1" applyBorder="1" applyAlignment="1">
      <alignment horizontal="left" vertical="top" wrapText="1"/>
    </xf>
    <xf numFmtId="0" fontId="2" fillId="3" borderId="17" xfId="2" applyFont="1" applyFill="1" applyBorder="1" applyAlignment="1">
      <alignment horizontal="left" vertical="top" wrapText="1"/>
    </xf>
    <xf numFmtId="0" fontId="5" fillId="0" borderId="5" xfId="0" applyFont="1" applyBorder="1" applyAlignment="1">
      <alignment vertical="top" wrapText="1"/>
    </xf>
    <xf numFmtId="0" fontId="23" fillId="0" borderId="5" xfId="0" applyFont="1" applyBorder="1" applyAlignment="1">
      <alignment vertical="top" wrapText="1"/>
    </xf>
    <xf numFmtId="0" fontId="23" fillId="0" borderId="7" xfId="2" applyFont="1" applyBorder="1" applyAlignment="1">
      <alignment horizontal="left" vertical="top" wrapText="1"/>
    </xf>
    <xf numFmtId="0" fontId="5" fillId="0" borderId="5" xfId="0" applyFont="1" applyBorder="1" applyAlignment="1">
      <alignment horizontal="left" vertical="top"/>
    </xf>
    <xf numFmtId="0" fontId="25" fillId="0" borderId="1" xfId="0" applyFont="1" applyBorder="1" applyAlignment="1">
      <alignment horizontal="left" vertical="top" wrapText="1"/>
    </xf>
    <xf numFmtId="0" fontId="23" fillId="0" borderId="2" xfId="0" applyFont="1" applyBorder="1" applyAlignment="1">
      <alignment horizontal="left" vertical="top" wrapText="1"/>
    </xf>
    <xf numFmtId="0" fontId="20" fillId="0" borderId="5" xfId="0" applyFont="1" applyBorder="1" applyAlignment="1">
      <alignment horizontal="left" vertical="top" wrapText="1"/>
    </xf>
    <xf numFmtId="0" fontId="13" fillId="0" borderId="11" xfId="0" applyFont="1" applyBorder="1" applyAlignment="1">
      <alignment horizontal="left" vertical="top" wrapText="1"/>
    </xf>
    <xf numFmtId="0" fontId="5" fillId="0" borderId="4" xfId="0" applyFont="1" applyBorder="1" applyAlignment="1">
      <alignment horizontal="left" vertical="top" wrapText="1"/>
    </xf>
    <xf numFmtId="0" fontId="6" fillId="2" borderId="14" xfId="0" applyFont="1" applyFill="1" applyBorder="1" applyAlignment="1">
      <alignment horizontal="left" vertical="top" wrapText="1"/>
    </xf>
    <xf numFmtId="0" fontId="0" fillId="2" borderId="14" xfId="0" applyFill="1" applyBorder="1" applyAlignment="1">
      <alignment horizontal="left" vertical="top" wrapText="1"/>
    </xf>
    <xf numFmtId="0" fontId="5" fillId="2" borderId="1" xfId="0" applyFont="1" applyFill="1" applyBorder="1" applyAlignment="1">
      <alignment horizontal="left" vertical="top"/>
    </xf>
    <xf numFmtId="0" fontId="10" fillId="0" borderId="1" xfId="0" applyFont="1" applyBorder="1" applyAlignment="1">
      <alignment horizontal="left" vertical="top" wrapText="1"/>
    </xf>
    <xf numFmtId="0" fontId="10" fillId="0" borderId="2" xfId="0" applyFont="1" applyBorder="1" applyAlignment="1">
      <alignment horizontal="left" vertical="top" wrapText="1"/>
    </xf>
  </cellXfs>
  <cellStyles count="4">
    <cellStyle name="Normal 10" xfId="2" xr:uid="{44F4C692-1972-4935-B4B8-1EA5CF2F454A}"/>
    <cellStyle name="Normal 2" xfId="1" xr:uid="{8F6CBC3B-3D57-4769-BD7A-92C463B00C7D}"/>
    <cellStyle name="Normal 3 2" xfId="3" xr:uid="{949926C9-E759-4F6A-9E77-9BAE5B3AC3C6}"/>
    <cellStyle name="Standaard" xfId="0" builtinId="0"/>
  </cellStyles>
  <dxfs count="0"/>
  <tableStyles count="0" defaultTableStyle="TableStyleMedium2" defaultPivotStyle="PivotStyleLight16"/>
  <colors>
    <mruColors>
      <color rgb="FF0A242C"/>
      <color rgb="FF009BA4"/>
      <color rgb="FFE7E6E6"/>
      <color rgb="FFFF9F9F"/>
      <color rgb="FFD9D9D9"/>
      <color rgb="FF080808"/>
      <color rgb="FF990000"/>
      <color rgb="FF008000"/>
      <color rgb="FFA9D08E"/>
      <color rgb="FFC6EFCE"/>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ED8C1E1-6DFB-4DA4-8445-FB871AD5A69B}">
  <dimension ref="A1:D13"/>
  <sheetViews>
    <sheetView workbookViewId="0">
      <selection activeCell="D1" sqref="D1"/>
    </sheetView>
  </sheetViews>
  <sheetFormatPr defaultRowHeight="14.45"/>
  <sheetData>
    <row r="1" spans="1:4">
      <c r="D1" t="s">
        <v>0</v>
      </c>
    </row>
    <row r="2" spans="1:4">
      <c r="D2" t="s">
        <v>1</v>
      </c>
    </row>
    <row r="3" spans="1:4">
      <c r="A3" t="s">
        <v>2</v>
      </c>
      <c r="C3">
        <v>0</v>
      </c>
      <c r="D3" s="3" t="e">
        <f>#REF!</f>
        <v>#REF!</v>
      </c>
    </row>
    <row r="4" spans="1:4">
      <c r="C4">
        <v>1</v>
      </c>
      <c r="D4" s="3" t="e">
        <f>#REF!</f>
        <v>#REF!</v>
      </c>
    </row>
    <row r="5" spans="1:4">
      <c r="C5">
        <v>2</v>
      </c>
      <c r="D5" s="3" t="e">
        <f>AVERAGE(#REF!)</f>
        <v>#REF!</v>
      </c>
    </row>
    <row r="6" spans="1:4">
      <c r="C6">
        <v>3</v>
      </c>
      <c r="D6" s="3" t="e">
        <f>AVERAGE(#REF!)</f>
        <v>#REF!</v>
      </c>
    </row>
    <row r="7" spans="1:4">
      <c r="C7">
        <v>4</v>
      </c>
      <c r="D7" s="3" t="e">
        <f>AVERAGE(#REF!)</f>
        <v>#REF!</v>
      </c>
    </row>
    <row r="8" spans="1:4">
      <c r="C8">
        <v>5</v>
      </c>
      <c r="D8" s="3" t="e">
        <f>AVERAGE(#REF!)</f>
        <v>#REF!</v>
      </c>
    </row>
    <row r="9" spans="1:4">
      <c r="C9">
        <v>6</v>
      </c>
      <c r="D9" s="3" t="e">
        <f>AVERAGE(#REF!)</f>
        <v>#REF!</v>
      </c>
    </row>
    <row r="10" spans="1:4">
      <c r="C10">
        <v>7</v>
      </c>
      <c r="D10" s="3" t="e">
        <f>AVERAGE(#REF!)</f>
        <v>#REF!</v>
      </c>
    </row>
    <row r="11" spans="1:4">
      <c r="C11">
        <v>8</v>
      </c>
      <c r="D11" s="3" t="e">
        <f>AVERAGE(#REF!)</f>
        <v>#REF!</v>
      </c>
    </row>
    <row r="12" spans="1:4">
      <c r="C12">
        <v>9</v>
      </c>
      <c r="D12" s="3" t="e">
        <f>AVERAGE(#REF!)</f>
        <v>#REF!</v>
      </c>
    </row>
    <row r="13" spans="1:4">
      <c r="C13">
        <v>10</v>
      </c>
      <c r="D13" s="3" t="e">
        <f>AVERAGE(#REF!)</f>
        <v>#REF!</v>
      </c>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3E9818-C7BD-4D56-B31D-0253CFD49B32}">
  <sheetPr>
    <pageSetUpPr fitToPage="1"/>
  </sheetPr>
  <dimension ref="B1:I18"/>
  <sheetViews>
    <sheetView tabSelected="1" topLeftCell="F11" zoomScale="80" zoomScaleNormal="80" workbookViewId="0">
      <selection activeCell="G11" sqref="G11"/>
    </sheetView>
  </sheetViews>
  <sheetFormatPr defaultRowHeight="14.45"/>
  <cols>
    <col min="2" max="2" width="16.140625" customWidth="1"/>
    <col min="3" max="3" width="29.42578125" customWidth="1"/>
    <col min="4" max="4" width="13.5703125" customWidth="1"/>
    <col min="5" max="5" width="24.7109375" customWidth="1"/>
    <col min="6" max="6" width="36.42578125" customWidth="1"/>
    <col min="7" max="7" width="101.7109375" customWidth="1"/>
    <col min="8" max="8" width="56.28515625" customWidth="1"/>
    <col min="9" max="9" width="69.85546875" customWidth="1"/>
  </cols>
  <sheetData>
    <row r="1" spans="2:9" ht="9" customHeight="1">
      <c r="B1" s="4"/>
      <c r="C1" s="1"/>
      <c r="D1" s="1"/>
      <c r="E1" s="1"/>
      <c r="F1" s="1"/>
      <c r="G1" s="1"/>
      <c r="H1" s="2"/>
    </row>
    <row r="2" spans="2:9" ht="6" customHeight="1">
      <c r="B2" s="4"/>
      <c r="C2" s="1"/>
      <c r="D2" s="1"/>
      <c r="E2" s="1"/>
      <c r="F2" s="1"/>
      <c r="G2" s="1"/>
      <c r="H2" s="2"/>
    </row>
    <row r="3" spans="2:9" ht="6" customHeight="1">
      <c r="B3" s="4"/>
      <c r="C3" s="1"/>
      <c r="D3" s="1"/>
      <c r="E3" s="1"/>
      <c r="F3" s="1"/>
      <c r="G3" s="1"/>
      <c r="H3" s="2"/>
    </row>
    <row r="4" spans="2:9" ht="90.75" customHeight="1">
      <c r="B4" s="5" t="s">
        <v>3</v>
      </c>
      <c r="C4" s="8" t="s">
        <v>4</v>
      </c>
      <c r="D4" s="5" t="s">
        <v>5</v>
      </c>
      <c r="E4" s="6" t="s">
        <v>6</v>
      </c>
      <c r="F4" s="49" t="s">
        <v>7</v>
      </c>
      <c r="G4" s="50" t="s">
        <v>8</v>
      </c>
      <c r="H4" s="50" t="s">
        <v>9</v>
      </c>
    </row>
    <row r="5" spans="2:9" ht="158.25" customHeight="1">
      <c r="B5" s="59">
        <v>6</v>
      </c>
      <c r="C5" s="58" t="s">
        <v>10</v>
      </c>
      <c r="D5" s="11" t="s">
        <v>11</v>
      </c>
      <c r="E5" s="12" t="s">
        <v>12</v>
      </c>
      <c r="F5" s="13" t="s">
        <v>13</v>
      </c>
      <c r="G5" s="53" t="s">
        <v>14</v>
      </c>
      <c r="H5" s="14" t="s">
        <v>15</v>
      </c>
    </row>
    <row r="6" spans="2:9" ht="172.5" customHeight="1">
      <c r="B6" s="59"/>
      <c r="C6" s="58"/>
      <c r="D6" s="7" t="s">
        <v>16</v>
      </c>
      <c r="E6" s="17" t="s">
        <v>17</v>
      </c>
      <c r="F6" s="15" t="s">
        <v>18</v>
      </c>
      <c r="G6" s="41" t="s">
        <v>19</v>
      </c>
      <c r="H6" s="16" t="s">
        <v>20</v>
      </c>
    </row>
    <row r="7" spans="2:9" ht="231.75" customHeight="1">
      <c r="B7" s="62">
        <v>8</v>
      </c>
      <c r="C7" s="63" t="s">
        <v>21</v>
      </c>
      <c r="D7" s="10" t="s">
        <v>22</v>
      </c>
      <c r="E7" s="20" t="s">
        <v>23</v>
      </c>
      <c r="F7" s="21" t="s">
        <v>24</v>
      </c>
      <c r="G7" s="31" t="s">
        <v>25</v>
      </c>
      <c r="H7" s="15" t="s">
        <v>26</v>
      </c>
    </row>
    <row r="8" spans="2:9" ht="336" customHeight="1">
      <c r="B8" s="62"/>
      <c r="C8" s="63"/>
      <c r="D8" s="19" t="s">
        <v>27</v>
      </c>
      <c r="E8" s="18" t="s">
        <v>28</v>
      </c>
      <c r="F8" s="10" t="s">
        <v>29</v>
      </c>
      <c r="G8" s="32" t="s">
        <v>30</v>
      </c>
      <c r="H8" s="22" t="s">
        <v>31</v>
      </c>
    </row>
    <row r="9" spans="2:9" ht="409.5" customHeight="1">
      <c r="B9" s="62"/>
      <c r="C9" s="63"/>
      <c r="D9" s="9" t="s">
        <v>32</v>
      </c>
      <c r="E9" s="42" t="s">
        <v>33</v>
      </c>
      <c r="F9" s="23" t="s">
        <v>34</v>
      </c>
      <c r="G9" s="25" t="s">
        <v>35</v>
      </c>
      <c r="H9" s="24" t="s">
        <v>36</v>
      </c>
    </row>
    <row r="10" spans="2:9" ht="291.75" customHeight="1">
      <c r="B10" s="62">
        <v>9</v>
      </c>
      <c r="C10" s="64" t="s">
        <v>37</v>
      </c>
      <c r="D10" s="54" t="s">
        <v>38</v>
      </c>
      <c r="E10" s="55" t="s">
        <v>39</v>
      </c>
      <c r="F10" s="19" t="s">
        <v>40</v>
      </c>
      <c r="G10" s="56" t="s">
        <v>41</v>
      </c>
      <c r="H10" s="57" t="s">
        <v>42</v>
      </c>
    </row>
    <row r="11" spans="2:9" ht="279.75" customHeight="1">
      <c r="B11" s="62"/>
      <c r="C11" s="63"/>
      <c r="D11" s="10" t="s">
        <v>43</v>
      </c>
      <c r="E11" s="43" t="s">
        <v>44</v>
      </c>
      <c r="F11" s="44" t="s">
        <v>45</v>
      </c>
      <c r="G11" s="47" t="s">
        <v>46</v>
      </c>
      <c r="H11" s="45" t="s">
        <v>47</v>
      </c>
    </row>
    <row r="12" spans="2:9" ht="213.75" customHeight="1">
      <c r="B12" s="62"/>
      <c r="C12" s="63"/>
      <c r="D12" s="19" t="s">
        <v>48</v>
      </c>
      <c r="E12" s="27" t="s">
        <v>49</v>
      </c>
      <c r="F12" s="28" t="s">
        <v>50</v>
      </c>
      <c r="G12" s="57" t="s">
        <v>51</v>
      </c>
      <c r="H12" s="29" t="s">
        <v>52</v>
      </c>
    </row>
    <row r="13" spans="2:9" ht="213" customHeight="1">
      <c r="B13" s="62"/>
      <c r="C13" s="63"/>
      <c r="D13" s="9" t="s">
        <v>53</v>
      </c>
      <c r="E13" s="30" t="s">
        <v>54</v>
      </c>
      <c r="F13" s="26" t="s">
        <v>55</v>
      </c>
      <c r="G13" s="25" t="s">
        <v>56</v>
      </c>
      <c r="H13" s="24" t="s">
        <v>57</v>
      </c>
    </row>
    <row r="14" spans="2:9" ht="339" customHeight="1">
      <c r="B14" s="26">
        <v>10</v>
      </c>
      <c r="C14" s="36" t="s">
        <v>58</v>
      </c>
      <c r="D14" s="26" t="s">
        <v>59</v>
      </c>
      <c r="E14" s="35" t="s">
        <v>60</v>
      </c>
      <c r="F14" s="13" t="s">
        <v>61</v>
      </c>
      <c r="G14" s="46" t="s">
        <v>62</v>
      </c>
      <c r="H14" s="14" t="s">
        <v>63</v>
      </c>
      <c r="I14" s="39"/>
    </row>
    <row r="15" spans="2:9" ht="308.25" customHeight="1">
      <c r="B15" s="33"/>
      <c r="C15" s="36"/>
      <c r="D15" s="34" t="s">
        <v>64</v>
      </c>
      <c r="E15" s="48" t="s">
        <v>65</v>
      </c>
      <c r="F15" s="51" t="s">
        <v>66</v>
      </c>
      <c r="G15" s="52" t="s">
        <v>67</v>
      </c>
      <c r="H15" s="37" t="s">
        <v>68</v>
      </c>
    </row>
    <row r="17" spans="2:8" ht="15" thickBot="1"/>
    <row r="18" spans="2:8" ht="52.9" customHeight="1" thickBot="1">
      <c r="B18" s="40" t="s">
        <v>69</v>
      </c>
      <c r="C18" s="60" t="s">
        <v>70</v>
      </c>
      <c r="D18" s="61"/>
      <c r="E18" s="61"/>
      <c r="F18" s="60" t="s">
        <v>71</v>
      </c>
      <c r="G18" s="61"/>
      <c r="H18" s="38"/>
    </row>
  </sheetData>
  <sheetProtection algorithmName="SHA-512" hashValue="Kp2hPo5v/0n0986z8RjhS6mF+uou9wZgoFtUpjoi+prfjLB27uk3eCtid3ATQzFr7h9KEIdrdYuA4u8Zvs9UCA==" saltValue="N1YUtR3n82tnyGp2ilFlGg==" spinCount="100000" sheet="1" objects="1" scenarios="1"/>
  <mergeCells count="8">
    <mergeCell ref="C5:C6"/>
    <mergeCell ref="B5:B6"/>
    <mergeCell ref="F18:G18"/>
    <mergeCell ref="C18:E18"/>
    <mergeCell ref="B7:B9"/>
    <mergeCell ref="C7:C9"/>
    <mergeCell ref="B10:B13"/>
    <mergeCell ref="C10:C13"/>
  </mergeCells>
  <pageMargins left="0.7" right="0.7" top="0.75" bottom="0.75" header="0.3" footer="0.3"/>
  <pageSetup paperSize="9" scale="24"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349ad6e1-cb01-4a94-8cfb-57d5a294faa4">
      <Terms xmlns="http://schemas.microsoft.com/office/infopath/2007/PartnerControls"/>
    </lcf76f155ced4ddcb4097134ff3c332f>
    <_ip_UnifiedCompliancePolicyUIAction xmlns="http://schemas.microsoft.com/sharepoint/v3" xsi:nil="true"/>
    <_ip_UnifiedCompliancePolicyProperties xmlns="http://schemas.microsoft.com/sharepoint/v3" xsi:nil="true"/>
    <TaxCatchAll xmlns="c2bea737-0145-421c-bda5-76387e549c93" xsi:nil="true"/>
  </documentManagement>
</p:properties>
</file>

<file path=customXml/item3.xml><?xml version="1.0" encoding="utf-8"?>
<TemplafyTemplateConfiguration><![CDATA[{"transformationConfigurations":[],"templateName":"blankspreadsheet","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2194D692952CD428F12C2210E2521DA" ma:contentTypeVersion="16" ma:contentTypeDescription="Create a new document." ma:contentTypeScope="" ma:versionID="3b949659d90b6db68ce1b445ded760bf">
  <xsd:schema xmlns:xsd="http://www.w3.org/2001/XMLSchema" xmlns:xs="http://www.w3.org/2001/XMLSchema" xmlns:p="http://schemas.microsoft.com/office/2006/metadata/properties" xmlns:ns1="http://schemas.microsoft.com/sharepoint/v3" xmlns:ns2="349ad6e1-cb01-4a94-8cfb-57d5a294faa4" xmlns:ns3="c2bea737-0145-421c-bda5-76387e549c93" targetNamespace="http://schemas.microsoft.com/office/2006/metadata/properties" ma:root="true" ma:fieldsID="2279eeb88b59e32129e2ab9154b928b2" ns1:_="" ns2:_="" ns3:_="">
    <xsd:import namespace="http://schemas.microsoft.com/sharepoint/v3"/>
    <xsd:import namespace="349ad6e1-cb01-4a94-8cfb-57d5a294faa4"/>
    <xsd:import namespace="c2bea737-0145-421c-bda5-76387e549c93"/>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1:_ip_UnifiedCompliancePolicyProperties" minOccurs="0"/>
                <xsd:element ref="ns1:_ip_UnifiedCompliancePolicyUIAction"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ServiceObjectDetectorVersions" minOccurs="0"/>
                <xsd:element ref="ns2:MediaServiceSearchPropertie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2" nillable="true" ma:displayName="Unified Compliance Policy Properties" ma:hidden="true" ma:internalName="_ip_UnifiedCompliancePolicyProperties">
      <xsd:simpleType>
        <xsd:restriction base="dms:Note"/>
      </xsd:simpleType>
    </xsd:element>
    <xsd:element name="_ip_UnifiedCompliancePolicyUIAction" ma:index="1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49ad6e1-cb01-4a94-8cfb-57d5a294fa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5853b5a6-daf0-49bf-ad18-478e21a2c10d"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hidden="true" ma:internalName="MediaServiceDateTaken" ma:readOnly="true">
      <xsd:simpleType>
        <xsd:restriction base="dms:Text"/>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LengthInSeconds" ma:index="2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c2bea737-0145-421c-bda5-76387e549c93"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1b0cb2ff-022c-4eb5-b1e6-16423116abbb}" ma:internalName="TaxCatchAll" ma:showField="CatchAllData" ma:web="c2bea737-0145-421c-bda5-76387e549c9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909EFF66-BEF5-4DC7-9F6D-BDC806EC6526}"/>
</file>

<file path=customXml/itemProps2.xml><?xml version="1.0" encoding="utf-8"?>
<ds:datastoreItem xmlns:ds="http://schemas.openxmlformats.org/officeDocument/2006/customXml" ds:itemID="{71D5C676-B7CE-43DE-B3ED-BA5361614D85}"/>
</file>

<file path=customXml/itemProps3.xml><?xml version="1.0" encoding="utf-8"?>
<ds:datastoreItem xmlns:ds="http://schemas.openxmlformats.org/officeDocument/2006/customXml" ds:itemID="{F032F77F-47F3-4AE0-B380-3F7267547819}"/>
</file>

<file path=customXml/itemProps4.xml><?xml version="1.0" encoding="utf-8"?>
<ds:datastoreItem xmlns:ds="http://schemas.openxmlformats.org/officeDocument/2006/customXml" ds:itemID="{4363AF81-9340-4F5E-9FE8-2BD210F39A49}"/>
</file>

<file path=customXml/itemProps5.xml><?xml version="1.0" encoding="utf-8"?>
<ds:datastoreItem xmlns:ds="http://schemas.openxmlformats.org/officeDocument/2006/customXml" ds:itemID="{0DDF81D2-BAF7-4DDF-9BD0-696F48185F44}"/>
</file>

<file path=docMetadata/LabelInfo.xml><?xml version="1.0" encoding="utf-8"?>
<clbl:labelList xmlns:clbl="http://schemas.microsoft.com/office/2020/mipLabelMetadata">
  <clbl:label id="{6d733e0b-9fb1-4d0e-ac8e-72044179c3b3}" enabled="1" method="Standard" siteId="{458c4725-6f38-4ae7-8aff-204c3d056d9e}" removed="0"/>
</clbl:labelList>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uhulima, Maudy</dc:creator>
  <cp:keywords/>
  <dc:description/>
  <cp:lastModifiedBy/>
  <cp:revision/>
  <dcterms:created xsi:type="dcterms:W3CDTF">2022-08-30T13:56:07Z</dcterms:created>
  <dcterms:modified xsi:type="dcterms:W3CDTF">2025-10-31T09:12:3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eloittenl</vt:lpwstr>
  </property>
  <property fmtid="{D5CDD505-2E9C-101B-9397-08002B2CF9AE}" pid="3" name="TemplafyTemplateId">
    <vt:lpwstr>637883018182981907</vt:lpwstr>
  </property>
  <property fmtid="{D5CDD505-2E9C-101B-9397-08002B2CF9AE}" pid="4" name="TemplafyUserProfileId">
    <vt:lpwstr>637883103330679629</vt:lpwstr>
  </property>
  <property fmtid="{D5CDD505-2E9C-101B-9397-08002B2CF9AE}" pid="5" name="TemplafyFromBlank">
    <vt:bool>true</vt:bool>
  </property>
  <property fmtid="{D5CDD505-2E9C-101B-9397-08002B2CF9AE}" pid="6" name="MSIP_Label_ea60d57e-af5b-4752-ac57-3e4f28ca11dc_Enabled">
    <vt:lpwstr>true</vt:lpwstr>
  </property>
  <property fmtid="{D5CDD505-2E9C-101B-9397-08002B2CF9AE}" pid="7" name="MSIP_Label_ea60d57e-af5b-4752-ac57-3e4f28ca11dc_SetDate">
    <vt:lpwstr>2022-09-27T09:20:27Z</vt:lpwstr>
  </property>
  <property fmtid="{D5CDD505-2E9C-101B-9397-08002B2CF9AE}" pid="8" name="MSIP_Label_ea60d57e-af5b-4752-ac57-3e4f28ca11dc_Method">
    <vt:lpwstr>Standard</vt:lpwstr>
  </property>
  <property fmtid="{D5CDD505-2E9C-101B-9397-08002B2CF9AE}" pid="9" name="MSIP_Label_ea60d57e-af5b-4752-ac57-3e4f28ca11dc_Name">
    <vt:lpwstr>ea60d57e-af5b-4752-ac57-3e4f28ca11dc</vt:lpwstr>
  </property>
  <property fmtid="{D5CDD505-2E9C-101B-9397-08002B2CF9AE}" pid="10" name="MSIP_Label_ea60d57e-af5b-4752-ac57-3e4f28ca11dc_SiteId">
    <vt:lpwstr>36da45f1-dd2c-4d1f-af13-5abe46b99921</vt:lpwstr>
  </property>
  <property fmtid="{D5CDD505-2E9C-101B-9397-08002B2CF9AE}" pid="11" name="MSIP_Label_ea60d57e-af5b-4752-ac57-3e4f28ca11dc_ActionId">
    <vt:lpwstr>e425e9d5-a3d2-4714-9973-0cd8978d8f29</vt:lpwstr>
  </property>
  <property fmtid="{D5CDD505-2E9C-101B-9397-08002B2CF9AE}" pid="12" name="MSIP_Label_ea60d57e-af5b-4752-ac57-3e4f28ca11dc_ContentBits">
    <vt:lpwstr>0</vt:lpwstr>
  </property>
  <property fmtid="{D5CDD505-2E9C-101B-9397-08002B2CF9AE}" pid="13" name="ContentTypeId">
    <vt:lpwstr>0x010100E2194D692952CD428F12C2210E2521DA</vt:lpwstr>
  </property>
  <property fmtid="{D5CDD505-2E9C-101B-9397-08002B2CF9AE}" pid="14" name="MediaServiceImageTags">
    <vt:lpwstr/>
  </property>
</Properties>
</file>